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al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Graphics, ontwerp&#10;&#10;Automatisch gegenereerde beschrijving">
            <a:extLst>
              <a:ext uri="{FF2B5EF4-FFF2-40B4-BE49-F238E27FC236}">
                <a16:creationId xmlns:a16="http://schemas.microsoft.com/office/drawing/2014/main" id="{74E91A32-217E-5F28-A3E8-C3632D0E03A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6" y="4560888"/>
            <a:ext cx="2102235" cy="20812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ontwerp&#10;&#10;Automatisch gegenereerde beschrijving">
            <a:extLst>
              <a:ext uri="{FF2B5EF4-FFF2-40B4-BE49-F238E27FC236}">
                <a16:creationId xmlns:a16="http://schemas.microsoft.com/office/drawing/2014/main" id="{4A0C6403-DD6D-1395-A56D-7CD2A7B8A19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443" y="3740863"/>
            <a:ext cx="1584982" cy="156913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5</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2-03T13:28:34Z</dcterms:modified>
</cp:coreProperties>
</file>